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MAPAC\Desktop\PLANEACIÓN20204\s7405\2021\1\"/>
    </mc:Choice>
  </mc:AlternateContent>
  <bookViews>
    <workbookView xWindow="0" yWindow="0" windowWidth="8970" windowHeight="2775"/>
  </bookViews>
  <sheets>
    <sheet name="Reporte de Formatos" sheetId="1" r:id="rId1"/>
    <sheet name="Hidden_1" sheetId="2" r:id="rId2"/>
  </sheets>
  <definedNames>
    <definedName name="Hidden_114">Hidden_1!$A$1:$A$2</definedName>
  </definedNames>
  <calcPr calcId="162913"/>
</workbook>
</file>

<file path=xl/sharedStrings.xml><?xml version="1.0" encoding="utf-8"?>
<sst xmlns="http://schemas.openxmlformats.org/spreadsheetml/2006/main" count="295" uniqueCount="112">
  <si>
    <t>43817</t>
  </si>
  <si>
    <t>TÍTULO</t>
  </si>
  <si>
    <t>NOMBRE CORTO</t>
  </si>
  <si>
    <t>DESCRIPCIÓN</t>
  </si>
  <si>
    <t>Indicadores de interés público</t>
  </si>
  <si>
    <t>N_F5_LTAIPEC_Art74FrV</t>
  </si>
  <si>
    <t>La información relativa a los indicadores que valoren los resultados del sujeto obligado en su conjunto, de acuerdo con su misión, objetivos y/o atribuciones previstas en las disposiciones que los regulen. Se brindará la información de los indicadores relacionados con temas de interés público o trascendencia social, de tal forma que se posibilite la consulta por sujeto obligado, año y objetivos, en relación con los planes de desarrollo nacional, estatal o municipal o programas que se deriven.</t>
  </si>
  <si>
    <t>1</t>
  </si>
  <si>
    <t>4</t>
  </si>
  <si>
    <t>2</t>
  </si>
  <si>
    <t>9</t>
  </si>
  <si>
    <t>13</t>
  </si>
  <si>
    <t>14</t>
  </si>
  <si>
    <t>343090</t>
  </si>
  <si>
    <t>343106</t>
  </si>
  <si>
    <t>343107</t>
  </si>
  <si>
    <t>343091</t>
  </si>
  <si>
    <t>343097</t>
  </si>
  <si>
    <t>343087</t>
  </si>
  <si>
    <t>343092</t>
  </si>
  <si>
    <t>343093</t>
  </si>
  <si>
    <t>343088</t>
  </si>
  <si>
    <t>343101</t>
  </si>
  <si>
    <t>343089</t>
  </si>
  <si>
    <t>343095</t>
  </si>
  <si>
    <t>343094</t>
  </si>
  <si>
    <t>343096</t>
  </si>
  <si>
    <t>343104</t>
  </si>
  <si>
    <t>343103</t>
  </si>
  <si>
    <t>343105</t>
  </si>
  <si>
    <t>343098</t>
  </si>
  <si>
    <t>343100</t>
  </si>
  <si>
    <t>343102</t>
  </si>
  <si>
    <t>Tabla Campos</t>
  </si>
  <si>
    <t>Ejercicio</t>
  </si>
  <si>
    <t>Fecha de inicio del periodo que se informa</t>
  </si>
  <si>
    <t>Fecha de término del periodo que se informa</t>
  </si>
  <si>
    <t>Objetivo institucional</t>
  </si>
  <si>
    <t>Nombre del(os) indicador(es)</t>
  </si>
  <si>
    <t>Dimensión(es) a medir</t>
  </si>
  <si>
    <t>Definición del indicador</t>
  </si>
  <si>
    <t>Método de cálculo</t>
  </si>
  <si>
    <t>Unidad de medida</t>
  </si>
  <si>
    <t>Frecuencia de medición</t>
  </si>
  <si>
    <t>Línea base</t>
  </si>
  <si>
    <t>Metas programadas</t>
  </si>
  <si>
    <t>Metas ajustadas en su caso</t>
  </si>
  <si>
    <t>Avance de las metas al periodo que se informa</t>
  </si>
  <si>
    <t>Sentido del indicador (catálogo)</t>
  </si>
  <si>
    <t>Fuente de información que alimenta al indicador</t>
  </si>
  <si>
    <t>Área(s) responsable(s) que genera(n), posee(n), publica(n) y actualizan la información</t>
  </si>
  <si>
    <t>Fecha de validación</t>
  </si>
  <si>
    <t>Fecha de actualización</t>
  </si>
  <si>
    <t>Nota</t>
  </si>
  <si>
    <t>Ascendente</t>
  </si>
  <si>
    <t>Descendente</t>
  </si>
  <si>
    <t>CONTRIBUIR AL MUNICIPIO CON INFRAESTRUCTURA Y SERVICIOS PUBLICOS DE CALIDAD MEDIANTE EL ACCESO DE AGUA POTABLE</t>
  </si>
  <si>
    <t>CAMPAÑAS DE CONCIENTIZACIÓN DEL CUIDADO DEL AGUA REALIZADAS</t>
  </si>
  <si>
    <t>(NUMERO DE CAMPAÑAS DE CONCIENTIZACIÓN DEL CUIDADO DEL AGUA REALIZADAS/ NUMERO DE CAMPAÑAS DE CONSIENTIZACION PROGRAMADAS )X100</t>
  </si>
  <si>
    <t>PORCENTAJE</t>
  </si>
  <si>
    <t>TRIMESTRAL</t>
  </si>
  <si>
    <t>REPORTES TRIMESTRALES DEL SISTEMA MUNICIPAL DE AGUA POTABLE Y ALCANTARILLADO DE CAMPECHE</t>
  </si>
  <si>
    <t>PLATICAS INFORMATIVAS REALIZADAS</t>
  </si>
  <si>
    <t>(NUMERO DE PLATICAS INFORMATIVAS REALIZDAS/NUMERO DE PLATICAS INFORMATIVAS REALIZADAS)X100</t>
  </si>
  <si>
    <t>EVENTOS SOCIOCULTURALES REALIZADOS</t>
  </si>
  <si>
    <t>(NUMERO DE EVENTOS SOCIOCULTURALES REALIZADOS/NUMERO DE ENVTOS SOCIOCULTURALES PROGRAMADO)X100</t>
  </si>
  <si>
    <t>LIMPIEZA DE PLAYAS, MANGLARES, OJOS DE AGUA Y POZOS REALIZADAS</t>
  </si>
  <si>
    <t>(NUMERO DE LIMPIEZA DE PLAYAS, MANGLARES, OJOS DE AGUA Y POZOS REALIZADAS/NUMERO DE LIMPIEZA DE PLAYAS, MANGLARES, OJOS DE AGUA Y POZOS PROGRAMADAS)X100</t>
  </si>
  <si>
    <t>RECORRIDOS GUIADOS EN LA GALERIA FILTRANTE</t>
  </si>
  <si>
    <t>(NUMERO DE RECORRIDOS GUIADOS EN LA GALERIA FILTRANTE REALIZADOS/NUMERO DE RECORRIDOS GUIADOS EN LA GALERIA FILTRANTE PROGRAMADOS)X100</t>
  </si>
  <si>
    <t>MONITOREOS DE CLORADORES</t>
  </si>
  <si>
    <t>(NUMERO DE MONITOREOS REALIZADOS/ NUMERO DE MONITOREOS PROYECTADOS)X100</t>
  </si>
  <si>
    <t>KILOS DE HIPOCLORITO DE SODIO SUMINISTRADO</t>
  </si>
  <si>
    <t>(NUMERO DE HIPOCLORITO DE SODIO SUMINISTRADO /NUMERO DE HIPOCLORITO DE SODIO REQUERIDO)X100</t>
  </si>
  <si>
    <t>ESTUDIOS DE QUIMICA DEL AGUA</t>
  </si>
  <si>
    <t xml:space="preserve">(NUMERO DE ESTUDIOS DE QUIMICA DEL AGUA REALIZADOS /NUMERO DE ESTUDIOS DE QUIMICA DEL AGUA REQUERIDOS)X100 </t>
  </si>
  <si>
    <t>ESCUELAS A LAS QUE SE REALIZA LIMPIEZA DE TINACOS</t>
  </si>
  <si>
    <t>(NUMERO DE ESCUELAS A LAS QUE SE LE REALIZA LIMPIEZA DE TINACOS/NUMERO DE ESCUELAS  QUE SOLICITAN LIMPIEZA DE TINACO)X100</t>
  </si>
  <si>
    <t>PROYECTOS EJECUTIVOS</t>
  </si>
  <si>
    <t>(NUMERO DE PROYECTOS EJECUTIVOS REALIZADOS/NUMERO DE PROYECTOS PROGRAMADOS)X100</t>
  </si>
  <si>
    <t>FACTIBILIDADES REALIZADAS</t>
  </si>
  <si>
    <t>(NUEMRO DE FACTIBILIDADES REALIZADAS/NUMERO DE FACTIBILIDADES SOLICITADAS)X100</t>
  </si>
  <si>
    <t>TUBERIA REHABILITADOS Y/AMPLIADOS</t>
  </si>
  <si>
    <t>(NUEMERO DE TUBERIA REHABILITADOS Y/O AMPLIADOS/NUMERO DE TUBERIA QUE REQUIEREN REHABILITACION Y/O AMPLIACION)X100</t>
  </si>
  <si>
    <t>TOMAS REHABILITADAS Y/O AMPLIADAS</t>
  </si>
  <si>
    <t>(NUMERO DE TOMAS REHABILITADAS Y/O AMPLIADAS/ NUMERO DE TOMAS QUE REQUIEREN AMPLIACIÓN Y /O REHABILITACIÓN)X100</t>
  </si>
  <si>
    <t>VALVULAS COLOCADAS</t>
  </si>
  <si>
    <t>(NUMERO DE VALVULAS COLOCADAS/NUMERO DE VALVULAS REQUERIDAS)X100</t>
  </si>
  <si>
    <t>POZOS Y CARCAMOS REHABILITADOS</t>
  </si>
  <si>
    <t>(NUMERO DE POZOS Y CARCAMOS REHABILITADOS /NUEMERO DE POZOS Y CARCAMOS QUE REQUIEREN REHABILITACIÓN)X100</t>
  </si>
  <si>
    <t>EQUIPOS ELECTROMECANIOCOS REHABILITADOS</t>
  </si>
  <si>
    <t>(NUMERO DE EQUIPOS ELECTROMECANICOS REHABILITADOS/NUMERO DE EQUIPOS ELECTROMECANICOS QUE REQUIREN REHABILITACIÓN)X100</t>
  </si>
  <si>
    <t>SUPERVISIONES DE OBRAS</t>
  </si>
  <si>
    <t>(NUMERO DE SUPERVISIONES REALIZADAS/NUMERO DE SUPERVISONES REQUERIDAS)X100</t>
  </si>
  <si>
    <t>TOMAS DOMICILIARIAS REHABILITADAS</t>
  </si>
  <si>
    <t>(NUMERO DE TOMAS REHABILITADAS/NUMERO DE TOMAS DOMICILIARIAS QUE REQUIEREN REHABLITACIÓN)X100</t>
  </si>
  <si>
    <t>SERVCIOS DE PIPAS BRINDADOS</t>
  </si>
  <si>
    <t>(NUMERO DE SERVICIOS DE PIPAS BRINDADOS/NUMERO DE SERVICIOS DE PIPAS REQUERIDOS)X100</t>
  </si>
  <si>
    <t>TASA DE VARIACIÓN DE USUARIOS DEL PADRON</t>
  </si>
  <si>
    <t>(NUMEROS DE USUARIOS DE PRADON AL AÑO t/NUMERO DE ASUARIOS DE PADRON AL AÑO t-1)-1)x100</t>
  </si>
  <si>
    <t>TOMAS IRREGULARES REGULARIZADAS</t>
  </si>
  <si>
    <t>(NUMERO DE TOMAS IRREGULARES REGULARIZADAS/NUMERO DE TOMAS IRREGULARES DETECTADAS)X100</t>
  </si>
  <si>
    <t>(NUMERO DE REPORTES DE FUGAS ATENDIDOS/NUMERO DE REPORTES DE FUGAS RECEPCIONADOS)X100</t>
  </si>
  <si>
    <t>ESTADOS DE CUENTAS PAGADOS</t>
  </si>
  <si>
    <t>(NUMERO DE ESTADO DE CUENTA PAGADO/NUMERO DE ESTADOS DE CUENTA EMITIDO)X100</t>
  </si>
  <si>
    <t>CONVENIOS CUMPLIDOS</t>
  </si>
  <si>
    <t>(NUMERO DE CONVENIOS CUMPLIDOS/NUMERO TOTAL DE CONVENIOS)X100</t>
  </si>
  <si>
    <t>USUARIOS MOROSOS</t>
  </si>
  <si>
    <t>(NUMERO DE USARIOS MOROSOS EN EL AÑO t/NUMERO DE USUARIOSD MOROSOS EN EL AÑO t-1)-1`)X100</t>
  </si>
  <si>
    <t>REPORTE  DE FUGAS ATENDIDAS</t>
  </si>
  <si>
    <t>SUBDIRECCIÓN DE OPERACIONES INFRAESRUCTURA URBANA Y RURAL, SUBDIRECCION ADMINISTRATIVA, SUBDIRECCION COMERCIAL, COMUNICACIÓN SOCIAL.</t>
  </si>
  <si>
    <t>EFICACI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indexed="8"/>
      <name val="Calibri"/>
      <family val="2"/>
      <scheme val="minor"/>
    </font>
    <font>
      <b/>
      <sz val="11"/>
      <color indexed="9"/>
      <name val="Arial"/>
    </font>
    <font>
      <sz val="10"/>
      <color indexed="8"/>
      <name val="Arial"/>
    </font>
  </fonts>
  <fills count="4">
    <fill>
      <patternFill patternType="none"/>
    </fill>
    <fill>
      <patternFill patternType="gray125"/>
    </fill>
    <fill>
      <patternFill patternType="solid">
        <fgColor rgb="FF333333"/>
      </patternFill>
    </fill>
    <fill>
      <patternFill patternType="solid">
        <fgColor rgb="FFE1E1E1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12">
    <xf numFmtId="0" fontId="0" fillId="0" borderId="0" xfId="0"/>
    <xf numFmtId="0" fontId="2" fillId="3" borderId="1" xfId="0" applyFont="1" applyFill="1" applyBorder="1" applyAlignment="1">
      <alignment horizontal="center" wrapText="1"/>
    </xf>
    <xf numFmtId="14" fontId="0" fillId="0" borderId="0" xfId="0" applyNumberFormat="1"/>
    <xf numFmtId="0" fontId="0" fillId="0" borderId="0" xfId="0"/>
    <xf numFmtId="2" fontId="0" fillId="0" borderId="0" xfId="0" applyNumberFormat="1"/>
    <xf numFmtId="1" fontId="0" fillId="0" borderId="0" xfId="0" applyNumberFormat="1"/>
    <xf numFmtId="0" fontId="0" fillId="0" borderId="0" xfId="0"/>
    <xf numFmtId="0" fontId="0" fillId="0" borderId="0" xfId="0"/>
    <xf numFmtId="0" fontId="0" fillId="0" borderId="0" xfId="0"/>
    <xf numFmtId="0" fontId="1" fillId="2" borderId="1" xfId="0" applyFont="1" applyFill="1" applyBorder="1" applyAlignment="1">
      <alignment horizontal="center"/>
    </xf>
    <xf numFmtId="0" fontId="0" fillId="0" borderId="0" xfId="0"/>
    <xf numFmtId="0" fontId="2" fillId="3" borderId="1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32"/>
  <sheetViews>
    <sheetView tabSelected="1" topLeftCell="A2" zoomScale="80" zoomScaleNormal="80" workbookViewId="0">
      <selection activeCell="D44" sqref="D44"/>
    </sheetView>
  </sheetViews>
  <sheetFormatPr baseColWidth="10" defaultColWidth="9.140625" defaultRowHeight="15" x14ac:dyDescent="0.25"/>
  <cols>
    <col min="1" max="1" width="8" bestFit="1" customWidth="1"/>
    <col min="2" max="2" width="36.42578125" bestFit="1" customWidth="1"/>
    <col min="3" max="3" width="38.5703125" bestFit="1" customWidth="1"/>
    <col min="4" max="4" width="18.5703125" bestFit="1" customWidth="1"/>
    <col min="5" max="5" width="25.28515625" bestFit="1" customWidth="1"/>
    <col min="6" max="6" width="20" bestFit="1" customWidth="1"/>
    <col min="7" max="7" width="20.5703125" bestFit="1" customWidth="1"/>
    <col min="8" max="8" width="16.140625" bestFit="1" customWidth="1"/>
    <col min="9" max="9" width="16.28515625" bestFit="1" customWidth="1"/>
    <col min="10" max="10" width="20.85546875" bestFit="1" customWidth="1"/>
    <col min="11" max="11" width="10" bestFit="1" customWidth="1"/>
    <col min="12" max="12" width="17.5703125" bestFit="1" customWidth="1"/>
    <col min="13" max="13" width="24" bestFit="1" customWidth="1"/>
    <col min="14" max="14" width="40.28515625" bestFit="1" customWidth="1"/>
    <col min="15" max="15" width="27.5703125" bestFit="1" customWidth="1"/>
    <col min="16" max="16" width="41.5703125" bestFit="1" customWidth="1"/>
    <col min="17" max="17" width="73.140625" bestFit="1" customWidth="1"/>
    <col min="18" max="18" width="17.5703125" bestFit="1" customWidth="1"/>
    <col min="19" max="19" width="20" bestFit="1" customWidth="1"/>
    <col min="20" max="20" width="8" bestFit="1" customWidth="1"/>
  </cols>
  <sheetData>
    <row r="1" spans="1:20" hidden="1" x14ac:dyDescent="0.25">
      <c r="A1" t="s">
        <v>0</v>
      </c>
    </row>
    <row r="2" spans="1:20" x14ac:dyDescent="0.25">
      <c r="A2" s="9" t="s">
        <v>1</v>
      </c>
      <c r="B2" s="10"/>
      <c r="C2" s="10"/>
      <c r="D2" s="9" t="s">
        <v>2</v>
      </c>
      <c r="E2" s="10"/>
      <c r="F2" s="10"/>
      <c r="G2" s="9" t="s">
        <v>3</v>
      </c>
      <c r="H2" s="10"/>
      <c r="I2" s="10"/>
    </row>
    <row r="3" spans="1:20" x14ac:dyDescent="0.25">
      <c r="A3" s="11" t="s">
        <v>4</v>
      </c>
      <c r="B3" s="10"/>
      <c r="C3" s="10"/>
      <c r="D3" s="11" t="s">
        <v>5</v>
      </c>
      <c r="E3" s="10"/>
      <c r="F3" s="10"/>
      <c r="G3" s="11" t="s">
        <v>6</v>
      </c>
      <c r="H3" s="10"/>
      <c r="I3" s="10"/>
    </row>
    <row r="4" spans="1:20" hidden="1" x14ac:dyDescent="0.25">
      <c r="A4" t="s">
        <v>7</v>
      </c>
      <c r="B4" t="s">
        <v>8</v>
      </c>
      <c r="C4" t="s">
        <v>8</v>
      </c>
      <c r="D4" t="s">
        <v>9</v>
      </c>
      <c r="E4" t="s">
        <v>9</v>
      </c>
      <c r="F4" t="s">
        <v>7</v>
      </c>
      <c r="G4" t="s">
        <v>9</v>
      </c>
      <c r="H4" t="s">
        <v>9</v>
      </c>
      <c r="I4" t="s">
        <v>7</v>
      </c>
      <c r="J4" t="s">
        <v>7</v>
      </c>
      <c r="K4" t="s">
        <v>7</v>
      </c>
      <c r="L4" t="s">
        <v>9</v>
      </c>
      <c r="M4" t="s">
        <v>9</v>
      </c>
      <c r="N4" t="s">
        <v>9</v>
      </c>
      <c r="O4" t="s">
        <v>10</v>
      </c>
      <c r="P4" t="s">
        <v>9</v>
      </c>
      <c r="Q4" t="s">
        <v>9</v>
      </c>
      <c r="R4" t="s">
        <v>8</v>
      </c>
      <c r="S4" t="s">
        <v>11</v>
      </c>
      <c r="T4" t="s">
        <v>12</v>
      </c>
    </row>
    <row r="5" spans="1:20" hidden="1" x14ac:dyDescent="0.25">
      <c r="A5" t="s">
        <v>13</v>
      </c>
      <c r="B5" t="s">
        <v>14</v>
      </c>
      <c r="C5" t="s">
        <v>15</v>
      </c>
      <c r="D5" t="s">
        <v>16</v>
      </c>
      <c r="E5" t="s">
        <v>17</v>
      </c>
      <c r="F5" t="s">
        <v>18</v>
      </c>
      <c r="G5" t="s">
        <v>19</v>
      </c>
      <c r="H5" t="s">
        <v>20</v>
      </c>
      <c r="I5" t="s">
        <v>21</v>
      </c>
      <c r="J5" t="s">
        <v>22</v>
      </c>
      <c r="K5" t="s">
        <v>23</v>
      </c>
      <c r="L5" t="s">
        <v>24</v>
      </c>
      <c r="M5" t="s">
        <v>25</v>
      </c>
      <c r="N5" t="s">
        <v>26</v>
      </c>
      <c r="O5" t="s">
        <v>27</v>
      </c>
      <c r="P5" t="s">
        <v>28</v>
      </c>
      <c r="Q5" t="s">
        <v>29</v>
      </c>
      <c r="R5" t="s">
        <v>30</v>
      </c>
      <c r="S5" t="s">
        <v>31</v>
      </c>
      <c r="T5" t="s">
        <v>32</v>
      </c>
    </row>
    <row r="6" spans="1:20" x14ac:dyDescent="0.25">
      <c r="A6" s="9" t="s">
        <v>3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  <c r="O6" s="10"/>
      <c r="P6" s="10"/>
      <c r="Q6" s="10"/>
      <c r="R6" s="10"/>
      <c r="S6" s="10"/>
      <c r="T6" s="10"/>
    </row>
    <row r="7" spans="1:20" ht="26.25" x14ac:dyDescent="0.25">
      <c r="A7" s="1" t="s">
        <v>34</v>
      </c>
      <c r="B7" s="1" t="s">
        <v>35</v>
      </c>
      <c r="C7" s="1" t="s">
        <v>36</v>
      </c>
      <c r="D7" s="1" t="s">
        <v>37</v>
      </c>
      <c r="E7" s="1" t="s">
        <v>38</v>
      </c>
      <c r="F7" s="1" t="s">
        <v>39</v>
      </c>
      <c r="G7" s="1" t="s">
        <v>40</v>
      </c>
      <c r="H7" s="1" t="s">
        <v>41</v>
      </c>
      <c r="I7" s="1" t="s">
        <v>42</v>
      </c>
      <c r="J7" s="1" t="s">
        <v>43</v>
      </c>
      <c r="K7" s="1" t="s">
        <v>44</v>
      </c>
      <c r="L7" s="1" t="s">
        <v>45</v>
      </c>
      <c r="M7" s="1" t="s">
        <v>46</v>
      </c>
      <c r="N7" s="1" t="s">
        <v>47</v>
      </c>
      <c r="O7" s="1" t="s">
        <v>48</v>
      </c>
      <c r="P7" s="1" t="s">
        <v>49</v>
      </c>
      <c r="Q7" s="1" t="s">
        <v>50</v>
      </c>
      <c r="R7" s="1" t="s">
        <v>51</v>
      </c>
      <c r="S7" s="1" t="s">
        <v>52</v>
      </c>
      <c r="T7" s="1" t="s">
        <v>53</v>
      </c>
    </row>
    <row r="8" spans="1:20" x14ac:dyDescent="0.25">
      <c r="A8">
        <v>2021</v>
      </c>
      <c r="B8" s="2">
        <v>44197</v>
      </c>
      <c r="C8" s="2">
        <v>44286</v>
      </c>
      <c r="D8" t="s">
        <v>56</v>
      </c>
      <c r="E8" t="s">
        <v>57</v>
      </c>
      <c r="F8" t="s">
        <v>111</v>
      </c>
      <c r="H8" t="s">
        <v>58</v>
      </c>
      <c r="I8" t="s">
        <v>59</v>
      </c>
      <c r="J8" t="s">
        <v>60</v>
      </c>
      <c r="K8" s="6">
        <v>100</v>
      </c>
      <c r="L8" s="5">
        <v>100</v>
      </c>
      <c r="N8" s="8">
        <v>133.33000000000001</v>
      </c>
      <c r="O8" t="s">
        <v>54</v>
      </c>
      <c r="P8" t="s">
        <v>61</v>
      </c>
      <c r="Q8" t="s">
        <v>110</v>
      </c>
      <c r="R8" s="2">
        <v>44291</v>
      </c>
      <c r="S8" s="2">
        <v>44291</v>
      </c>
    </row>
    <row r="9" spans="1:20" x14ac:dyDescent="0.25">
      <c r="A9">
        <v>2021</v>
      </c>
      <c r="B9" s="2">
        <v>44197</v>
      </c>
      <c r="C9" s="2">
        <v>44286</v>
      </c>
      <c r="D9" t="s">
        <v>56</v>
      </c>
      <c r="E9" t="s">
        <v>62</v>
      </c>
      <c r="F9" s="7" t="s">
        <v>111</v>
      </c>
      <c r="H9" t="s">
        <v>63</v>
      </c>
      <c r="I9" t="s">
        <v>59</v>
      </c>
      <c r="J9" t="s">
        <v>60</v>
      </c>
      <c r="K9" s="6">
        <v>100</v>
      </c>
      <c r="L9">
        <v>100</v>
      </c>
      <c r="N9" s="8">
        <v>153.85</v>
      </c>
      <c r="O9" t="s">
        <v>54</v>
      </c>
      <c r="P9" t="s">
        <v>61</v>
      </c>
      <c r="Q9" t="s">
        <v>110</v>
      </c>
      <c r="R9" s="2">
        <v>44291</v>
      </c>
      <c r="S9" s="2">
        <v>44291</v>
      </c>
    </row>
    <row r="10" spans="1:20" x14ac:dyDescent="0.25">
      <c r="A10" s="8">
        <v>2021</v>
      </c>
      <c r="B10" s="2">
        <v>44197</v>
      </c>
      <c r="C10" s="2">
        <v>44286</v>
      </c>
      <c r="D10" t="s">
        <v>56</v>
      </c>
      <c r="E10" t="s">
        <v>64</v>
      </c>
      <c r="F10" s="7" t="s">
        <v>111</v>
      </c>
      <c r="H10" t="s">
        <v>65</v>
      </c>
      <c r="I10" t="s">
        <v>59</v>
      </c>
      <c r="J10" t="s">
        <v>60</v>
      </c>
      <c r="K10" s="6">
        <v>100</v>
      </c>
      <c r="L10">
        <v>100</v>
      </c>
      <c r="N10" s="8">
        <v>0</v>
      </c>
      <c r="O10" t="s">
        <v>54</v>
      </c>
      <c r="P10" t="s">
        <v>61</v>
      </c>
      <c r="Q10" s="3" t="s">
        <v>110</v>
      </c>
      <c r="R10" s="2">
        <v>44291</v>
      </c>
      <c r="S10" s="2">
        <v>44291</v>
      </c>
    </row>
    <row r="11" spans="1:20" x14ac:dyDescent="0.25">
      <c r="A11" s="8">
        <v>2021</v>
      </c>
      <c r="B11" s="2">
        <v>44197</v>
      </c>
      <c r="C11" s="2">
        <v>44286</v>
      </c>
      <c r="D11" t="s">
        <v>56</v>
      </c>
      <c r="E11" t="s">
        <v>66</v>
      </c>
      <c r="F11" s="7" t="s">
        <v>111</v>
      </c>
      <c r="H11" t="s">
        <v>67</v>
      </c>
      <c r="I11" t="s">
        <v>59</v>
      </c>
      <c r="J11" t="s">
        <v>60</v>
      </c>
      <c r="K11" s="6">
        <v>0</v>
      </c>
      <c r="L11">
        <v>100</v>
      </c>
      <c r="N11" s="8">
        <v>0</v>
      </c>
      <c r="O11" t="s">
        <v>54</v>
      </c>
      <c r="P11" t="s">
        <v>61</v>
      </c>
      <c r="Q11" s="3" t="s">
        <v>110</v>
      </c>
      <c r="R11" s="2">
        <v>44291</v>
      </c>
      <c r="S11" s="2">
        <v>44291</v>
      </c>
    </row>
    <row r="12" spans="1:20" x14ac:dyDescent="0.25">
      <c r="A12" s="8">
        <v>2021</v>
      </c>
      <c r="B12" s="2">
        <v>44197</v>
      </c>
      <c r="C12" s="2">
        <v>44286</v>
      </c>
      <c r="D12" t="s">
        <v>56</v>
      </c>
      <c r="E12" t="s">
        <v>68</v>
      </c>
      <c r="F12" s="7" t="s">
        <v>111</v>
      </c>
      <c r="H12" t="s">
        <v>69</v>
      </c>
      <c r="I12" t="s">
        <v>59</v>
      </c>
      <c r="J12" t="s">
        <v>60</v>
      </c>
      <c r="K12" s="6">
        <v>0</v>
      </c>
      <c r="L12">
        <v>100</v>
      </c>
      <c r="N12" s="8">
        <v>0</v>
      </c>
      <c r="O12" t="s">
        <v>54</v>
      </c>
      <c r="P12" t="s">
        <v>61</v>
      </c>
      <c r="Q12" s="3" t="s">
        <v>110</v>
      </c>
      <c r="R12" s="2">
        <v>44291</v>
      </c>
      <c r="S12" s="2">
        <v>44291</v>
      </c>
    </row>
    <row r="13" spans="1:20" x14ac:dyDescent="0.25">
      <c r="A13" s="8">
        <v>2021</v>
      </c>
      <c r="B13" s="2">
        <v>44197</v>
      </c>
      <c r="C13" s="2">
        <v>44286</v>
      </c>
      <c r="D13" t="s">
        <v>56</v>
      </c>
      <c r="E13" t="s">
        <v>70</v>
      </c>
      <c r="F13" s="7" t="s">
        <v>111</v>
      </c>
      <c r="H13" t="s">
        <v>71</v>
      </c>
      <c r="I13" t="s">
        <v>59</v>
      </c>
      <c r="J13" t="s">
        <v>60</v>
      </c>
      <c r="K13" s="6">
        <v>100</v>
      </c>
      <c r="L13">
        <v>100</v>
      </c>
      <c r="N13" s="4">
        <v>184.1</v>
      </c>
      <c r="O13" t="s">
        <v>54</v>
      </c>
      <c r="P13" t="s">
        <v>61</v>
      </c>
      <c r="Q13" s="3" t="s">
        <v>110</v>
      </c>
      <c r="R13" s="2">
        <v>44291</v>
      </c>
      <c r="S13" s="2">
        <v>44291</v>
      </c>
    </row>
    <row r="14" spans="1:20" x14ac:dyDescent="0.25">
      <c r="A14" s="8">
        <v>2021</v>
      </c>
      <c r="B14" s="2">
        <v>44197</v>
      </c>
      <c r="C14" s="2">
        <v>44286</v>
      </c>
      <c r="D14" t="s">
        <v>56</v>
      </c>
      <c r="E14" t="s">
        <v>72</v>
      </c>
      <c r="F14" s="7" t="s">
        <v>111</v>
      </c>
      <c r="H14" t="s">
        <v>73</v>
      </c>
      <c r="I14" t="s">
        <v>59</v>
      </c>
      <c r="J14" t="s">
        <v>60</v>
      </c>
      <c r="K14" s="6">
        <v>100</v>
      </c>
      <c r="L14">
        <v>100</v>
      </c>
      <c r="N14" s="8">
        <v>100</v>
      </c>
      <c r="O14" t="s">
        <v>54</v>
      </c>
      <c r="P14" t="s">
        <v>61</v>
      </c>
      <c r="Q14" s="3" t="s">
        <v>110</v>
      </c>
      <c r="R14" s="2">
        <v>44291</v>
      </c>
      <c r="S14" s="2">
        <v>44291</v>
      </c>
    </row>
    <row r="15" spans="1:20" x14ac:dyDescent="0.25">
      <c r="A15" s="8">
        <v>2021</v>
      </c>
      <c r="B15" s="2">
        <v>44197</v>
      </c>
      <c r="C15" s="2">
        <v>44286</v>
      </c>
      <c r="D15" t="s">
        <v>56</v>
      </c>
      <c r="E15" t="s">
        <v>74</v>
      </c>
      <c r="F15" s="7" t="s">
        <v>111</v>
      </c>
      <c r="H15" t="s">
        <v>75</v>
      </c>
      <c r="I15" t="s">
        <v>59</v>
      </c>
      <c r="J15" t="s">
        <v>60</v>
      </c>
      <c r="K15" s="6">
        <v>100</v>
      </c>
      <c r="L15">
        <v>100</v>
      </c>
      <c r="N15" s="8">
        <v>100</v>
      </c>
      <c r="O15" t="s">
        <v>54</v>
      </c>
      <c r="P15" t="s">
        <v>61</v>
      </c>
      <c r="Q15" s="3" t="s">
        <v>110</v>
      </c>
      <c r="R15" s="2">
        <v>44291</v>
      </c>
      <c r="S15" s="2">
        <v>44291</v>
      </c>
    </row>
    <row r="16" spans="1:20" x14ac:dyDescent="0.25">
      <c r="A16" s="8">
        <v>2021</v>
      </c>
      <c r="B16" s="2">
        <v>44197</v>
      </c>
      <c r="C16" s="2">
        <v>44286</v>
      </c>
      <c r="D16" t="s">
        <v>56</v>
      </c>
      <c r="E16" t="s">
        <v>76</v>
      </c>
      <c r="F16" s="7" t="s">
        <v>111</v>
      </c>
      <c r="H16" t="s">
        <v>77</v>
      </c>
      <c r="I16" t="s">
        <v>59</v>
      </c>
      <c r="J16" t="s">
        <v>60</v>
      </c>
      <c r="K16" s="6">
        <v>100</v>
      </c>
      <c r="L16">
        <v>100</v>
      </c>
      <c r="N16" s="8">
        <v>5</v>
      </c>
      <c r="O16" t="s">
        <v>54</v>
      </c>
      <c r="P16" t="s">
        <v>61</v>
      </c>
      <c r="Q16" s="3" t="s">
        <v>110</v>
      </c>
      <c r="R16" s="2">
        <v>44291</v>
      </c>
      <c r="S16" s="2">
        <v>44291</v>
      </c>
    </row>
    <row r="17" spans="1:19" x14ac:dyDescent="0.25">
      <c r="A17" s="8">
        <v>2021</v>
      </c>
      <c r="B17" s="2">
        <v>44197</v>
      </c>
      <c r="C17" s="2">
        <v>44286</v>
      </c>
      <c r="D17" t="s">
        <v>56</v>
      </c>
      <c r="E17" t="s">
        <v>78</v>
      </c>
      <c r="F17" s="7" t="s">
        <v>111</v>
      </c>
      <c r="H17" t="s">
        <v>79</v>
      </c>
      <c r="I17" t="s">
        <v>59</v>
      </c>
      <c r="J17" t="s">
        <v>60</v>
      </c>
      <c r="K17" s="6">
        <v>0</v>
      </c>
      <c r="L17">
        <v>100</v>
      </c>
      <c r="N17" s="8">
        <v>55</v>
      </c>
      <c r="O17" t="s">
        <v>54</v>
      </c>
      <c r="P17" t="s">
        <v>61</v>
      </c>
      <c r="Q17" s="3" t="s">
        <v>110</v>
      </c>
      <c r="R17" s="2">
        <v>44291</v>
      </c>
      <c r="S17" s="2">
        <v>44291</v>
      </c>
    </row>
    <row r="18" spans="1:19" x14ac:dyDescent="0.25">
      <c r="A18" s="8">
        <v>2021</v>
      </c>
      <c r="B18" s="2">
        <v>44197</v>
      </c>
      <c r="C18" s="2">
        <v>44286</v>
      </c>
      <c r="D18" t="s">
        <v>56</v>
      </c>
      <c r="E18" t="s">
        <v>80</v>
      </c>
      <c r="F18" s="7" t="s">
        <v>111</v>
      </c>
      <c r="H18" t="s">
        <v>81</v>
      </c>
      <c r="I18" t="s">
        <v>59</v>
      </c>
      <c r="J18" t="s">
        <v>60</v>
      </c>
      <c r="K18" s="6">
        <v>0</v>
      </c>
      <c r="L18">
        <v>100</v>
      </c>
      <c r="N18" s="8">
        <v>100</v>
      </c>
      <c r="O18" t="s">
        <v>54</v>
      </c>
      <c r="P18" t="s">
        <v>61</v>
      </c>
      <c r="Q18" s="3" t="s">
        <v>110</v>
      </c>
      <c r="R18" s="2">
        <v>44291</v>
      </c>
      <c r="S18" s="2">
        <v>44291</v>
      </c>
    </row>
    <row r="19" spans="1:19" x14ac:dyDescent="0.25">
      <c r="A19" s="8">
        <v>2021</v>
      </c>
      <c r="B19" s="2">
        <v>44197</v>
      </c>
      <c r="C19" s="2">
        <v>44286</v>
      </c>
      <c r="D19" t="s">
        <v>56</v>
      </c>
      <c r="E19" t="s">
        <v>82</v>
      </c>
      <c r="F19" s="7" t="s">
        <v>111</v>
      </c>
      <c r="H19" t="s">
        <v>83</v>
      </c>
      <c r="I19" t="s">
        <v>59</v>
      </c>
      <c r="J19" t="s">
        <v>60</v>
      </c>
      <c r="K19" s="6">
        <v>0</v>
      </c>
      <c r="L19">
        <v>100</v>
      </c>
      <c r="N19" s="8">
        <v>100</v>
      </c>
      <c r="O19" t="s">
        <v>54</v>
      </c>
      <c r="P19" t="s">
        <v>61</v>
      </c>
      <c r="Q19" s="3" t="s">
        <v>110</v>
      </c>
      <c r="R19" s="2">
        <v>44291</v>
      </c>
      <c r="S19" s="2">
        <v>44291</v>
      </c>
    </row>
    <row r="20" spans="1:19" x14ac:dyDescent="0.25">
      <c r="A20" s="8">
        <v>2021</v>
      </c>
      <c r="B20" s="2">
        <v>44197</v>
      </c>
      <c r="C20" s="2">
        <v>44286</v>
      </c>
      <c r="D20" t="s">
        <v>56</v>
      </c>
      <c r="E20" t="s">
        <v>84</v>
      </c>
      <c r="F20" s="7" t="s">
        <v>111</v>
      </c>
      <c r="H20" t="s">
        <v>85</v>
      </c>
      <c r="I20" t="s">
        <v>59</v>
      </c>
      <c r="J20" t="s">
        <v>60</v>
      </c>
      <c r="K20" s="6">
        <v>0</v>
      </c>
      <c r="L20">
        <v>100</v>
      </c>
      <c r="N20" s="8">
        <v>100</v>
      </c>
      <c r="O20" t="s">
        <v>54</v>
      </c>
      <c r="P20" t="s">
        <v>61</v>
      </c>
      <c r="Q20" s="3" t="s">
        <v>110</v>
      </c>
      <c r="R20" s="2">
        <v>44291</v>
      </c>
      <c r="S20" s="2">
        <v>44291</v>
      </c>
    </row>
    <row r="21" spans="1:19" x14ac:dyDescent="0.25">
      <c r="A21" s="8">
        <v>2021</v>
      </c>
      <c r="B21" s="2">
        <v>44197</v>
      </c>
      <c r="C21" s="2">
        <v>44286</v>
      </c>
      <c r="D21" t="s">
        <v>56</v>
      </c>
      <c r="E21" t="s">
        <v>86</v>
      </c>
      <c r="F21" s="7" t="s">
        <v>111</v>
      </c>
      <c r="H21" t="s">
        <v>87</v>
      </c>
      <c r="I21" t="s">
        <v>59</v>
      </c>
      <c r="J21" t="s">
        <v>60</v>
      </c>
      <c r="K21" s="6">
        <v>0</v>
      </c>
      <c r="L21">
        <v>100</v>
      </c>
      <c r="N21" s="8">
        <v>100</v>
      </c>
      <c r="O21" t="s">
        <v>54</v>
      </c>
      <c r="P21" t="s">
        <v>61</v>
      </c>
      <c r="Q21" s="3" t="s">
        <v>110</v>
      </c>
      <c r="R21" s="2">
        <v>44291</v>
      </c>
      <c r="S21" s="2">
        <v>44291</v>
      </c>
    </row>
    <row r="22" spans="1:19" x14ac:dyDescent="0.25">
      <c r="A22" s="8">
        <v>2021</v>
      </c>
      <c r="B22" s="2">
        <v>44197</v>
      </c>
      <c r="C22" s="2">
        <v>44286</v>
      </c>
      <c r="D22" t="s">
        <v>56</v>
      </c>
      <c r="E22" t="s">
        <v>88</v>
      </c>
      <c r="F22" s="7" t="s">
        <v>111</v>
      </c>
      <c r="H22" t="s">
        <v>89</v>
      </c>
      <c r="I22" t="s">
        <v>59</v>
      </c>
      <c r="J22" t="s">
        <v>60</v>
      </c>
      <c r="K22" s="6">
        <v>0</v>
      </c>
      <c r="L22">
        <v>100</v>
      </c>
      <c r="N22" s="8">
        <v>100</v>
      </c>
      <c r="O22" t="s">
        <v>54</v>
      </c>
      <c r="P22" t="s">
        <v>61</v>
      </c>
      <c r="Q22" s="3" t="s">
        <v>110</v>
      </c>
      <c r="R22" s="2">
        <v>44291</v>
      </c>
      <c r="S22" s="2">
        <v>44291</v>
      </c>
    </row>
    <row r="23" spans="1:19" x14ac:dyDescent="0.25">
      <c r="A23" s="8">
        <v>2021</v>
      </c>
      <c r="B23" s="2">
        <v>44197</v>
      </c>
      <c r="C23" s="2">
        <v>44286</v>
      </c>
      <c r="D23" t="s">
        <v>56</v>
      </c>
      <c r="E23" t="s">
        <v>90</v>
      </c>
      <c r="F23" s="7" t="s">
        <v>111</v>
      </c>
      <c r="H23" t="s">
        <v>91</v>
      </c>
      <c r="I23" t="s">
        <v>59</v>
      </c>
      <c r="J23" t="s">
        <v>60</v>
      </c>
      <c r="K23" s="6">
        <v>0</v>
      </c>
      <c r="L23">
        <v>100</v>
      </c>
      <c r="N23" s="8">
        <v>100</v>
      </c>
      <c r="O23" t="s">
        <v>54</v>
      </c>
      <c r="P23" t="s">
        <v>61</v>
      </c>
      <c r="Q23" s="3" t="s">
        <v>110</v>
      </c>
      <c r="R23" s="2">
        <v>44291</v>
      </c>
      <c r="S23" s="2">
        <v>44291</v>
      </c>
    </row>
    <row r="24" spans="1:19" x14ac:dyDescent="0.25">
      <c r="A24" s="8">
        <v>2021</v>
      </c>
      <c r="B24" s="2">
        <v>44197</v>
      </c>
      <c r="C24" s="2">
        <v>44286</v>
      </c>
      <c r="D24" t="s">
        <v>56</v>
      </c>
      <c r="E24" t="s">
        <v>92</v>
      </c>
      <c r="F24" s="7" t="s">
        <v>111</v>
      </c>
      <c r="H24" t="s">
        <v>93</v>
      </c>
      <c r="I24" t="s">
        <v>59</v>
      </c>
      <c r="J24" t="s">
        <v>60</v>
      </c>
      <c r="K24" s="6">
        <v>0</v>
      </c>
      <c r="L24">
        <v>100</v>
      </c>
      <c r="N24" s="8">
        <v>100</v>
      </c>
      <c r="O24" t="s">
        <v>54</v>
      </c>
      <c r="P24" t="s">
        <v>61</v>
      </c>
      <c r="Q24" s="3" t="s">
        <v>110</v>
      </c>
      <c r="R24" s="2">
        <v>44291</v>
      </c>
      <c r="S24" s="2">
        <v>44291</v>
      </c>
    </row>
    <row r="25" spans="1:19" x14ac:dyDescent="0.25">
      <c r="A25" s="8">
        <v>2021</v>
      </c>
      <c r="B25" s="2">
        <v>44197</v>
      </c>
      <c r="C25" s="2">
        <v>44286</v>
      </c>
      <c r="D25" t="s">
        <v>56</v>
      </c>
      <c r="E25" t="s">
        <v>94</v>
      </c>
      <c r="F25" s="7" t="s">
        <v>111</v>
      </c>
      <c r="H25" t="s">
        <v>95</v>
      </c>
      <c r="I25" t="s">
        <v>59</v>
      </c>
      <c r="J25" t="s">
        <v>60</v>
      </c>
      <c r="K25" s="6">
        <v>0</v>
      </c>
      <c r="L25">
        <v>100</v>
      </c>
      <c r="N25" s="8">
        <v>100</v>
      </c>
      <c r="O25" t="s">
        <v>54</v>
      </c>
      <c r="P25" t="s">
        <v>61</v>
      </c>
      <c r="Q25" s="3" t="s">
        <v>110</v>
      </c>
      <c r="R25" s="2">
        <v>44291</v>
      </c>
      <c r="S25" s="2">
        <v>44291</v>
      </c>
    </row>
    <row r="26" spans="1:19" x14ac:dyDescent="0.25">
      <c r="A26" s="8">
        <v>2021</v>
      </c>
      <c r="B26" s="2">
        <v>44197</v>
      </c>
      <c r="C26" s="2">
        <v>44286</v>
      </c>
      <c r="D26" t="s">
        <v>56</v>
      </c>
      <c r="E26" t="s">
        <v>96</v>
      </c>
      <c r="F26" s="7" t="s">
        <v>111</v>
      </c>
      <c r="H26" t="s">
        <v>97</v>
      </c>
      <c r="I26" t="s">
        <v>59</v>
      </c>
      <c r="J26" t="s">
        <v>60</v>
      </c>
      <c r="K26" s="6">
        <v>0</v>
      </c>
      <c r="L26">
        <v>100</v>
      </c>
      <c r="N26" s="8">
        <v>100</v>
      </c>
      <c r="O26" t="s">
        <v>54</v>
      </c>
      <c r="P26" t="s">
        <v>61</v>
      </c>
      <c r="Q26" s="3" t="s">
        <v>110</v>
      </c>
      <c r="R26" s="2">
        <v>44291</v>
      </c>
      <c r="S26" s="2">
        <v>44291</v>
      </c>
    </row>
    <row r="27" spans="1:19" x14ac:dyDescent="0.25">
      <c r="A27" s="8">
        <v>2021</v>
      </c>
      <c r="B27" s="2">
        <v>44197</v>
      </c>
      <c r="C27" s="2">
        <v>44286</v>
      </c>
      <c r="D27" t="s">
        <v>56</v>
      </c>
      <c r="E27" t="s">
        <v>98</v>
      </c>
      <c r="F27" s="7" t="s">
        <v>111</v>
      </c>
      <c r="H27" t="s">
        <v>99</v>
      </c>
      <c r="I27" t="s">
        <v>59</v>
      </c>
      <c r="J27" t="s">
        <v>60</v>
      </c>
      <c r="K27" s="6">
        <v>1.28</v>
      </c>
      <c r="L27">
        <v>1.29</v>
      </c>
      <c r="N27" s="8">
        <v>1.1200000000000001</v>
      </c>
      <c r="O27" t="s">
        <v>54</v>
      </c>
      <c r="P27" t="s">
        <v>61</v>
      </c>
      <c r="Q27" s="3" t="s">
        <v>110</v>
      </c>
      <c r="R27" s="2">
        <v>44291</v>
      </c>
      <c r="S27" s="2">
        <v>44291</v>
      </c>
    </row>
    <row r="28" spans="1:19" x14ac:dyDescent="0.25">
      <c r="A28" s="8">
        <v>2021</v>
      </c>
      <c r="B28" s="2">
        <v>44197</v>
      </c>
      <c r="C28" s="2">
        <v>44286</v>
      </c>
      <c r="D28" t="s">
        <v>56</v>
      </c>
      <c r="E28" t="s">
        <v>100</v>
      </c>
      <c r="F28" s="7" t="s">
        <v>111</v>
      </c>
      <c r="H28" t="s">
        <v>101</v>
      </c>
      <c r="I28" t="s">
        <v>59</v>
      </c>
      <c r="J28" t="s">
        <v>60</v>
      </c>
      <c r="K28" s="6">
        <v>0</v>
      </c>
      <c r="L28">
        <v>100</v>
      </c>
      <c r="N28" s="8">
        <v>100</v>
      </c>
      <c r="O28" t="s">
        <v>54</v>
      </c>
      <c r="P28" t="s">
        <v>61</v>
      </c>
      <c r="Q28" s="3" t="s">
        <v>110</v>
      </c>
      <c r="R28" s="2">
        <v>44291</v>
      </c>
      <c r="S28" s="2">
        <v>44291</v>
      </c>
    </row>
    <row r="29" spans="1:19" x14ac:dyDescent="0.25">
      <c r="A29" s="8">
        <v>2021</v>
      </c>
      <c r="B29" s="2">
        <v>44197</v>
      </c>
      <c r="C29" s="2">
        <v>44286</v>
      </c>
      <c r="D29" t="s">
        <v>56</v>
      </c>
      <c r="E29" t="s">
        <v>109</v>
      </c>
      <c r="F29" s="7" t="s">
        <v>111</v>
      </c>
      <c r="H29" t="s">
        <v>102</v>
      </c>
      <c r="I29" t="s">
        <v>59</v>
      </c>
      <c r="J29" t="s">
        <v>60</v>
      </c>
      <c r="K29" s="6">
        <v>100</v>
      </c>
      <c r="L29">
        <v>100</v>
      </c>
      <c r="N29" s="8">
        <v>100</v>
      </c>
      <c r="O29" t="s">
        <v>55</v>
      </c>
      <c r="P29" t="s">
        <v>61</v>
      </c>
      <c r="Q29" s="3" t="s">
        <v>110</v>
      </c>
      <c r="R29" s="2">
        <v>44291</v>
      </c>
      <c r="S29" s="2">
        <v>44291</v>
      </c>
    </row>
    <row r="30" spans="1:19" x14ac:dyDescent="0.25">
      <c r="A30" s="8">
        <v>2021</v>
      </c>
      <c r="B30" s="2">
        <v>44197</v>
      </c>
      <c r="C30" s="2">
        <v>44286</v>
      </c>
      <c r="D30" t="s">
        <v>56</v>
      </c>
      <c r="E30" t="s">
        <v>103</v>
      </c>
      <c r="F30" s="7" t="s">
        <v>111</v>
      </c>
      <c r="H30" t="s">
        <v>104</v>
      </c>
      <c r="I30" t="s">
        <v>59</v>
      </c>
      <c r="J30" t="s">
        <v>60</v>
      </c>
      <c r="K30" s="6">
        <v>100</v>
      </c>
      <c r="L30">
        <v>100</v>
      </c>
      <c r="N30" s="8">
        <v>60.03</v>
      </c>
      <c r="O30" t="s">
        <v>55</v>
      </c>
      <c r="P30" t="s">
        <v>61</v>
      </c>
      <c r="Q30" s="3" t="s">
        <v>110</v>
      </c>
      <c r="R30" s="2">
        <v>44291</v>
      </c>
      <c r="S30" s="2">
        <v>44291</v>
      </c>
    </row>
    <row r="31" spans="1:19" x14ac:dyDescent="0.25">
      <c r="A31" s="8">
        <v>2021</v>
      </c>
      <c r="B31" s="2">
        <v>44197</v>
      </c>
      <c r="C31" s="2">
        <v>44286</v>
      </c>
      <c r="D31" t="s">
        <v>56</v>
      </c>
      <c r="E31" t="s">
        <v>105</v>
      </c>
      <c r="F31" s="7" t="s">
        <v>111</v>
      </c>
      <c r="H31" t="s">
        <v>106</v>
      </c>
      <c r="I31" t="s">
        <v>59</v>
      </c>
      <c r="J31" t="s">
        <v>60</v>
      </c>
      <c r="K31" s="6">
        <v>100</v>
      </c>
      <c r="L31">
        <v>100</v>
      </c>
      <c r="N31" s="8">
        <v>54.88</v>
      </c>
      <c r="O31" t="s">
        <v>54</v>
      </c>
      <c r="P31" t="s">
        <v>61</v>
      </c>
      <c r="Q31" s="3" t="s">
        <v>110</v>
      </c>
      <c r="R31" s="2">
        <v>44291</v>
      </c>
      <c r="S31" s="2">
        <v>44291</v>
      </c>
    </row>
    <row r="32" spans="1:19" x14ac:dyDescent="0.25">
      <c r="A32" s="8">
        <v>2021</v>
      </c>
      <c r="B32" s="2">
        <v>44197</v>
      </c>
      <c r="C32" s="2">
        <v>44286</v>
      </c>
      <c r="D32" t="s">
        <v>56</v>
      </c>
      <c r="E32" t="s">
        <v>107</v>
      </c>
      <c r="F32" s="7" t="s">
        <v>111</v>
      </c>
      <c r="H32" t="s">
        <v>108</v>
      </c>
      <c r="I32" t="s">
        <v>59</v>
      </c>
      <c r="J32" t="s">
        <v>60</v>
      </c>
      <c r="K32" s="6">
        <v>-8.74</v>
      </c>
      <c r="L32">
        <v>-13</v>
      </c>
      <c r="N32" s="8">
        <v>17.09</v>
      </c>
      <c r="O32" t="s">
        <v>55</v>
      </c>
      <c r="P32" t="s">
        <v>61</v>
      </c>
      <c r="Q32" s="3" t="s">
        <v>110</v>
      </c>
      <c r="R32" s="2">
        <v>44291</v>
      </c>
      <c r="S32" s="2">
        <v>44291</v>
      </c>
    </row>
  </sheetData>
  <mergeCells count="7">
    <mergeCell ref="A6:T6"/>
    <mergeCell ref="A2:C2"/>
    <mergeCell ref="D2:F2"/>
    <mergeCell ref="G2:I2"/>
    <mergeCell ref="A3:C3"/>
    <mergeCell ref="D3:F3"/>
    <mergeCell ref="G3:I3"/>
  </mergeCells>
  <dataValidations count="1">
    <dataValidation type="list" allowBlank="1" showErrorMessage="1" sqref="O8:O201">
      <formula1>Hidden_114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2"/>
  <sheetViews>
    <sheetView workbookViewId="0">
      <selection activeCell="G27" sqref="G27"/>
    </sheetView>
  </sheetViews>
  <sheetFormatPr baseColWidth="10" defaultColWidth="9.140625" defaultRowHeight="15" x14ac:dyDescent="0.25"/>
  <sheetData>
    <row r="1" spans="1:1" x14ac:dyDescent="0.25">
      <c r="A1" t="s">
        <v>54</v>
      </c>
    </row>
    <row r="2" spans="1:1" x14ac:dyDescent="0.25">
      <c r="A2" t="s">
        <v>55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2</vt:i4>
      </vt:variant>
      <vt:variant>
        <vt:lpstr>Rangos con nombre</vt:lpstr>
      </vt:variant>
      <vt:variant>
        <vt:i4>1</vt:i4>
      </vt:variant>
    </vt:vector>
  </HeadingPairs>
  <TitlesOfParts>
    <vt:vector size="3" baseType="lpstr">
      <vt:lpstr>Reporte de Formatos</vt:lpstr>
      <vt:lpstr>Hidden_1</vt:lpstr>
      <vt:lpstr>Hidden_11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SMAPAC</cp:lastModifiedBy>
  <dcterms:created xsi:type="dcterms:W3CDTF">2020-07-31T00:24:12Z</dcterms:created>
  <dcterms:modified xsi:type="dcterms:W3CDTF">2021-04-05T15:11:25Z</dcterms:modified>
</cp:coreProperties>
</file>